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  <p:sldMasterId id="2147483673" r:id="rId3"/>
  </p:sldMasterIdLst>
  <p:sldIdLst>
    <p:sldId id="261" r:id="rId4"/>
    <p:sldId id="259" r:id="rId5"/>
    <p:sldId id="260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69200"/>
    <a:srgbClr val="207245"/>
    <a:srgbClr val="5E5E5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04" d="100"/>
          <a:sy n="104" d="100"/>
        </p:scale>
        <p:origin x="126" y="5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5" Type="http://schemas.openxmlformats.org/officeDocument/2006/relationships/slide" Target="slides/slide2.xml"/><Relationship Id="rId10" Type="http://schemas.openxmlformats.org/officeDocument/2006/relationships/tableStyles" Target="tableStyles.xml"/><Relationship Id="rId4" Type="http://schemas.openxmlformats.org/officeDocument/2006/relationships/slide" Target="slides/slide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8" Type="http://schemas.openxmlformats.org/officeDocument/2006/relationships/hyperlink" Target="http://www.officetimeline.com/download-officetimeline.aspx" TargetMode="External"/><Relationship Id="rId3" Type="http://schemas.openxmlformats.org/officeDocument/2006/relationships/hyperlink" Target="http://www.officetimeline.com/fwlink.aspx?linkid=1030" TargetMode="External"/><Relationship Id="rId7" Type="http://schemas.microsoft.com/office/2007/relationships/hdphoto" Target="../media/hdphoto1.wdp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3.png"/><Relationship Id="rId11" Type="http://schemas.openxmlformats.org/officeDocument/2006/relationships/image" Target="../media/image6.jpeg"/><Relationship Id="rId5" Type="http://schemas.openxmlformats.org/officeDocument/2006/relationships/hyperlink" Target="http://fppt.com/officetimeline" TargetMode="External"/><Relationship Id="rId10" Type="http://schemas.openxmlformats.org/officeDocument/2006/relationships/image" Target="../media/image5.jpeg"/><Relationship Id="rId4" Type="http://schemas.openxmlformats.org/officeDocument/2006/relationships/image" Target="../media/image2.png"/><Relationship Id="rId9" Type="http://schemas.openxmlformats.org/officeDocument/2006/relationships/image" Target="../media/image4.png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62280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61160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85572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6975071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661582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8278553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365699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9970993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969615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0021511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350250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003316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900297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491887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5579020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7" name="Straight Connector 26"/>
          <p:cNvCxnSpPr/>
          <p:nvPr userDrawn="1"/>
        </p:nvCxnSpPr>
        <p:spPr>
          <a:xfrm flipH="1">
            <a:off x="2639926" y="1195820"/>
            <a:ext cx="6841957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0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628761" y="17364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76" name="Group 75"/>
          <p:cNvGrpSpPr/>
          <p:nvPr userDrawn="1"/>
        </p:nvGrpSpPr>
        <p:grpSpPr>
          <a:xfrm>
            <a:off x="811344" y="1579903"/>
            <a:ext cx="7572656" cy="1207113"/>
            <a:chOff x="795016" y="1399996"/>
            <a:chExt cx="7572656" cy="1207113"/>
          </a:xfrm>
        </p:grpSpPr>
        <p:sp>
          <p:nvSpPr>
            <p:cNvPr id="32" name="Rounded Rectangle 31">
              <a:hlinkClick r:id="rId3"/>
            </p:cNvPr>
            <p:cNvSpPr/>
            <p:nvPr userDrawn="1"/>
          </p:nvSpPr>
          <p:spPr>
            <a:xfrm>
              <a:off x="2155337" y="1399996"/>
              <a:ext cx="5586319" cy="625460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Get the Free Edition Now</a:t>
              </a:r>
            </a:p>
          </p:txBody>
        </p:sp>
        <p:sp>
          <p:nvSpPr>
            <p:cNvPr id="33" name="TextBox 32"/>
            <p:cNvSpPr txBox="1"/>
            <p:nvPr userDrawn="1"/>
          </p:nvSpPr>
          <p:spPr>
            <a:xfrm>
              <a:off x="2155336" y="1939493"/>
              <a:ext cx="621233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Easily edit this template </a:t>
              </a:r>
              <a:r>
                <a:rPr lang="en-US" sz="1600" dirty="0" smtClean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or </a:t>
              </a: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create </a:t>
              </a:r>
              <a:r>
                <a:rPr lang="en-US" sz="1600" dirty="0" smtClean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your own</a:t>
              </a: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/>
              </a:r>
              <a:b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</a:b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beautiful </a:t>
              </a:r>
              <a:r>
                <a:rPr lang="en-US" sz="1600" dirty="0" smtClean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Gantt chart quickly</a:t>
              </a: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, right inside PowerPoint.</a:t>
              </a:r>
            </a:p>
          </p:txBody>
        </p:sp>
        <p:pic>
          <p:nvPicPr>
            <p:cNvPr id="51" name="Picture 50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795016" y="1399996"/>
              <a:ext cx="1231499" cy="1207113"/>
            </a:xfrm>
            <a:prstGeom prst="rect">
              <a:avLst/>
            </a:prstGeom>
          </p:spPr>
        </p:pic>
      </p:grpSp>
      <p:grpSp>
        <p:nvGrpSpPr>
          <p:cNvPr id="77" name="Group 76"/>
          <p:cNvGrpSpPr/>
          <p:nvPr userDrawn="1"/>
        </p:nvGrpSpPr>
        <p:grpSpPr>
          <a:xfrm>
            <a:off x="0" y="3327928"/>
            <a:ext cx="12192000" cy="2668464"/>
            <a:chOff x="0" y="2867867"/>
            <a:chExt cx="12192000" cy="2668464"/>
          </a:xfrm>
        </p:grpSpPr>
        <p:sp>
          <p:nvSpPr>
            <p:cNvPr id="72" name="Rectangle 71"/>
            <p:cNvSpPr/>
            <p:nvPr userDrawn="1"/>
          </p:nvSpPr>
          <p:spPr>
            <a:xfrm>
              <a:off x="8276253" y="2964797"/>
              <a:ext cx="3915747" cy="2466583"/>
            </a:xfrm>
            <a:prstGeom prst="rect">
              <a:avLst/>
            </a:prstGeom>
            <a:solidFill>
              <a:srgbClr val="FFFFFF">
                <a:alpha val="22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prstClr val="white"/>
                </a:solidFill>
              </a:endParaRPr>
            </a:p>
          </p:txBody>
        </p:sp>
        <p:grpSp>
          <p:nvGrpSpPr>
            <p:cNvPr id="60" name="Group 59"/>
            <p:cNvGrpSpPr/>
            <p:nvPr userDrawn="1"/>
          </p:nvGrpSpPr>
          <p:grpSpPr>
            <a:xfrm>
              <a:off x="8894438" y="3803651"/>
              <a:ext cx="3025436" cy="788196"/>
              <a:chOff x="5902728" y="2160769"/>
              <a:chExt cx="3025436" cy="788196"/>
            </a:xfrm>
          </p:grpSpPr>
          <p:sp>
            <p:nvSpPr>
              <p:cNvPr id="61" name="Rounded Rectangle 60">
                <a:hlinkClick r:id="rId5"/>
              </p:cNvPr>
              <p:cNvSpPr/>
              <p:nvPr/>
            </p:nvSpPr>
            <p:spPr>
              <a:xfrm>
                <a:off x="5902728" y="2160769"/>
                <a:ext cx="2630808" cy="577955"/>
              </a:xfrm>
              <a:prstGeom prst="roundRect">
                <a:avLst>
                  <a:gd name="adj" fmla="val 0"/>
                </a:avLst>
              </a:prstGeom>
              <a:no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r>
                  <a:rPr lang="en-US" sz="2400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</a:rPr>
                  <a:t>Download Now</a:t>
                </a:r>
              </a:p>
            </p:txBody>
          </p:sp>
          <p:pic>
            <p:nvPicPr>
              <p:cNvPr id="62" name="Picture 6">
                <a:hlinkClick r:id="rId5"/>
              </p:cNvPr>
              <p:cNvPicPr>
                <a:picLocks noChangeAspect="1" noChangeArrowheads="1"/>
              </p:cNvPicPr>
              <p:nvPr/>
            </p:nvPicPr>
            <p:blipFill>
              <a:blip r:embed="rId6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brightnessContrast bright="100000" contrast="100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199045" y="2288673"/>
                <a:ext cx="359477" cy="34256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63" name="TextBox 62">
                <a:hlinkClick r:id="rId3"/>
              </p:cNvPr>
              <p:cNvSpPr txBox="1"/>
              <p:nvPr/>
            </p:nvSpPr>
            <p:spPr>
              <a:xfrm>
                <a:off x="5902728" y="2641188"/>
                <a:ext cx="302543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u="sng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  <a:hlinkClick r:id="rId8"/>
                  </a:rPr>
                  <a:t>www.OfficeTimeline.com/download</a:t>
                </a:r>
                <a:endPara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endParaRPr>
              </a:p>
            </p:txBody>
          </p:sp>
        </p:grpSp>
        <p:pic>
          <p:nvPicPr>
            <p:cNvPr id="67" name="Picture 66"/>
            <p:cNvPicPr>
              <a:picLocks noChangeAspect="1"/>
            </p:cNvPicPr>
            <p:nvPr/>
          </p:nvPicPr>
          <p:blipFill rotWithShape="1">
            <a:blip r:embed="rId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r="51974"/>
            <a:stretch/>
          </p:blipFill>
          <p:spPr>
            <a:xfrm>
              <a:off x="6339247" y="2966655"/>
              <a:ext cx="2104957" cy="2464725"/>
            </a:xfrm>
            <a:prstGeom prst="rect">
              <a:avLst/>
            </a:prstGeom>
          </p:spPr>
        </p:pic>
        <p:pic>
          <p:nvPicPr>
            <p:cNvPr id="68" name="Picture 6" descr="https://www.officetimeline.com/img/hero/example-timeline-consulting.jpg"/>
            <p:cNvPicPr>
              <a:picLocks noChangeAspect="1" noChangeArrowheads="1"/>
            </p:cNvPicPr>
            <p:nvPr/>
          </p:nvPicPr>
          <p:blipFill rotWithShape="1"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0" y="2964797"/>
              <a:ext cx="2633785" cy="246911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69" name="Straight Connector 68"/>
            <p:cNvCxnSpPr/>
            <p:nvPr/>
          </p:nvCxnSpPr>
          <p:spPr>
            <a:xfrm>
              <a:off x="2381641" y="2876566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/>
          </p:nvCxnSpPr>
          <p:spPr>
            <a:xfrm>
              <a:off x="6713830" y="2867867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1" name="Picture 4" descr="http://localhost:39329/img/hero/example-timeline-IT.jpg"/>
            <p:cNvPicPr>
              <a:picLocks noChangeAspect="1" noChangeArrowheads="1"/>
            </p:cNvPicPr>
            <p:nvPr/>
          </p:nvPicPr>
          <p:blipFill rotWithShape="1"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389662" y="2964798"/>
              <a:ext cx="4312032" cy="2469116"/>
            </a:xfrm>
            <a:prstGeom prst="rect">
              <a:avLst/>
            </a:prstGeom>
            <a:noFill/>
            <a:effectLst>
              <a:outerShdw blurRad="165100" algn="ct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6" name="TextBox 65"/>
            <p:cNvSpPr txBox="1"/>
            <p:nvPr/>
          </p:nvSpPr>
          <p:spPr>
            <a:xfrm>
              <a:off x="3355363" y="5232049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  <p:cxnSp>
          <p:nvCxnSpPr>
            <p:cNvPr id="73" name="Straight Connector 72"/>
            <p:cNvCxnSpPr/>
            <p:nvPr userDrawn="1"/>
          </p:nvCxnSpPr>
          <p:spPr>
            <a:xfrm>
              <a:off x="8444204" y="2964797"/>
              <a:ext cx="0" cy="2482696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42621985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7"/>
            <a:ext cx="9144000" cy="1655763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0646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332034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4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85305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9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9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160810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066711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14846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29039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043843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1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367307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1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135939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6138507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6"/>
            <a:ext cx="2628900" cy="5811839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6"/>
            <a:ext cx="7734300" cy="5811839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21679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09476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7885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241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73467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9388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26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1.xml"/><Relationship Id="rId3" Type="http://schemas.openxmlformats.org/officeDocument/2006/relationships/slideLayout" Target="../slideLayouts/slideLayout26.xml"/><Relationship Id="rId7" Type="http://schemas.openxmlformats.org/officeDocument/2006/relationships/slideLayout" Target="../slideLayouts/slideLayout30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5.xml"/><Relationship Id="rId1" Type="http://schemas.openxmlformats.org/officeDocument/2006/relationships/slideLayout" Target="../slideLayouts/slideLayout24.xml"/><Relationship Id="rId6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34.xml"/><Relationship Id="rId5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33.xml"/><Relationship Id="rId4" Type="http://schemas.openxmlformats.org/officeDocument/2006/relationships/slideLayout" Target="../slideLayouts/slideLayout27.xml"/><Relationship Id="rId9" Type="http://schemas.openxmlformats.org/officeDocument/2006/relationships/slideLayout" Target="../slideLayouts/slideLayout3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173147-0E44-4133-97BA-A7F256A3258D}" type="datetimeFigureOut">
              <a:rPr lang="en-US" smtClean="0"/>
              <a:t>9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66117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D0737E1-9278-46FA-A61C-AA2805A4427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245D4B-39CC-4AC7-AD55-0119B832116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1205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9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62973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slideLayout" Target="../slideLayouts/slideLayout3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73" name="OTLSHAPE_M_0d9254b6b5464e83b1c7d15cf2f7a5f4_Connector1"/>
          <p:cNvCxnSpPr/>
          <p:nvPr>
            <p:custDataLst>
              <p:tags r:id="rId2"/>
            </p:custDataLst>
          </p:nvPr>
        </p:nvCxnSpPr>
        <p:spPr>
          <a:xfrm>
            <a:off x="8089440" y="3357033"/>
            <a:ext cx="0" cy="254382"/>
          </a:xfrm>
          <a:prstGeom prst="line">
            <a:avLst/>
          </a:prstGeom>
          <a:ln w="9525" cap="flat" cmpd="sng" algn="ctr">
            <a:solidFill>
              <a:srgbClr val="B9050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72" name="OTLSHAPE_M_4c3f9efb28c841729e1084c22774ab36_Connector1"/>
          <p:cNvCxnSpPr/>
          <p:nvPr>
            <p:custDataLst>
              <p:tags r:id="rId3"/>
            </p:custDataLst>
          </p:nvPr>
        </p:nvCxnSpPr>
        <p:spPr>
          <a:xfrm>
            <a:off x="6803350" y="3357033"/>
            <a:ext cx="0" cy="25438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71" name="OTLSHAPE_M_731079855741477ba66141b8fdae287e_Connector1"/>
          <p:cNvCxnSpPr/>
          <p:nvPr>
            <p:custDataLst>
              <p:tags r:id="rId4"/>
            </p:custDataLst>
          </p:nvPr>
        </p:nvCxnSpPr>
        <p:spPr>
          <a:xfrm>
            <a:off x="6246044" y="3357033"/>
            <a:ext cx="0" cy="2036756"/>
          </a:xfrm>
          <a:prstGeom prst="line">
            <a:avLst/>
          </a:prstGeom>
          <a:ln w="9525" cap="flat" cmpd="sng" algn="ctr">
            <a:solidFill>
              <a:srgbClr val="8694B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70" name="OTLSHAPE_M_03977201db5c4493a28dfff2d595a8a1_Connector2"/>
          <p:cNvCxnSpPr/>
          <p:nvPr>
            <p:custDataLst>
              <p:tags r:id="rId5"/>
            </p:custDataLst>
          </p:nvPr>
        </p:nvCxnSpPr>
        <p:spPr>
          <a:xfrm>
            <a:off x="5860217" y="4589889"/>
            <a:ext cx="0" cy="207889"/>
          </a:xfrm>
          <a:prstGeom prst="line">
            <a:avLst/>
          </a:prstGeom>
          <a:ln w="9525" cap="flat" cmpd="sng" algn="ctr">
            <a:solidFill>
              <a:srgbClr val="8694B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69" name="OTLSHAPE_M_03977201db5c4493a28dfff2d595a8a1_Connector1"/>
          <p:cNvCxnSpPr/>
          <p:nvPr>
            <p:custDataLst>
              <p:tags r:id="rId6"/>
            </p:custDataLst>
          </p:nvPr>
        </p:nvCxnSpPr>
        <p:spPr>
          <a:xfrm>
            <a:off x="5860217" y="3357033"/>
            <a:ext cx="0" cy="1015813"/>
          </a:xfrm>
          <a:prstGeom prst="line">
            <a:avLst/>
          </a:prstGeom>
          <a:ln w="9525" cap="flat" cmpd="sng" algn="ctr">
            <a:solidFill>
              <a:srgbClr val="8694B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68" name="OTLSHAPE_M_aa0bd86bc8724ea691a9128626526fe1_Connector2"/>
          <p:cNvCxnSpPr/>
          <p:nvPr>
            <p:custDataLst>
              <p:tags r:id="rId7"/>
            </p:custDataLst>
          </p:nvPr>
        </p:nvCxnSpPr>
        <p:spPr>
          <a:xfrm>
            <a:off x="5345781" y="4031597"/>
            <a:ext cx="0" cy="1270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75" name="OTLSHAPE_M_aa0bd86bc8724ea691a9128626526fe1_Connector1"/>
          <p:cNvCxnSpPr/>
          <p:nvPr>
            <p:custDataLst>
              <p:tags r:id="rId8"/>
            </p:custDataLst>
          </p:nvPr>
        </p:nvCxnSpPr>
        <p:spPr>
          <a:xfrm>
            <a:off x="5345781" y="3357033"/>
            <a:ext cx="0" cy="457521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74" name="OTLSHAPE_M_2f94a309c2374e97b42329b486bb0268_Connector1"/>
          <p:cNvCxnSpPr/>
          <p:nvPr>
            <p:custDataLst>
              <p:tags r:id="rId9"/>
            </p:custDataLst>
          </p:nvPr>
        </p:nvCxnSpPr>
        <p:spPr>
          <a:xfrm>
            <a:off x="4917084" y="3357033"/>
            <a:ext cx="0" cy="24327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RPHANEDOTL_9e7ecd74-697a-415d-bd65-1868c24c1025_ORIGINAL_NAME_OTLSHAPE_M_f85a7f101a2c4f4a9fa5dc3051f631b7_Connector2"/>
          <p:cNvCxnSpPr/>
          <p:nvPr/>
        </p:nvCxnSpPr>
        <p:spPr>
          <a:xfrm>
            <a:off x="4659866" y="2535449"/>
            <a:ext cx="0" cy="33051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RPHANEDOTL_93663889-1d6a-4437-af0c-11d7407a82f8_ORIGINAL_NAME_OTLSHAPE_M_f85a7f101a2c4f4a9fa5dc3051f631b7_Connector1"/>
          <p:cNvCxnSpPr/>
          <p:nvPr/>
        </p:nvCxnSpPr>
        <p:spPr>
          <a:xfrm>
            <a:off x="4659866" y="1746509"/>
            <a:ext cx="0" cy="57189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50" name="ORPHANEDOTL_be6a70e7-43fb-4d71-8671-3f2af1702725_ORIGINAL_NAME_OTLSHAPE_M_f85a7f101a2c4f4a9fa5dc3051f631b7_Title"/>
          <p:cNvSpPr txBox="1"/>
          <p:nvPr/>
        </p:nvSpPr>
        <p:spPr>
          <a:xfrm>
            <a:off x="3980797" y="1315217"/>
            <a:ext cx="1346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aterial Available</a:t>
            </a:r>
            <a:endParaRPr lang="en-US" sz="14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51" name="ORPHANEDOTL_9127d049-8b98-4edb-95bf-a85a1b02fca5_ORIGINAL_NAME_OTLSHAPE_M_f85a7f101a2c4f4a9fa5dc3051f631b7_Date"/>
          <p:cNvSpPr txBox="1"/>
          <p:nvPr/>
        </p:nvSpPr>
        <p:spPr>
          <a:xfrm>
            <a:off x="4462508" y="1544960"/>
            <a:ext cx="393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8" smtClean="0">
                <a:solidFill>
                  <a:srgbClr val="737373"/>
                </a:solidFill>
                <a:latin typeface="Calibri" panose="020F0502020204030204" pitchFamily="34" charset="0"/>
              </a:rPr>
              <a:t>Jul 28</a:t>
            </a:r>
            <a:endParaRPr lang="en-US" sz="1300" spc="-18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152" name="ORPHANEDOTL_f4490437-a26c-4ea8-bf7d-c57e0b1438fb_ORIGINAL_NAME_OTLSHAPE_M_f85a7f101a2c4f4a9fa5dc3051f631b7_Shape"/>
          <p:cNvSpPr/>
          <p:nvPr/>
        </p:nvSpPr>
        <p:spPr>
          <a:xfrm>
            <a:off x="4558266" y="2747433"/>
            <a:ext cx="203200" cy="237067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53" name="OTLSHAPE_TB_00000000000000000000000000000000_LeftEndCaps" hidden="1"/>
          <p:cNvSpPr txBox="1"/>
          <p:nvPr>
            <p:custDataLst>
              <p:tags r:id="rId10"/>
            </p:custDataLst>
          </p:nvPr>
        </p:nvSpPr>
        <p:spPr>
          <a:xfrm>
            <a:off x="254000" y="2971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54" name="OTLSHAPE_TB_00000000000000000000000000000000_RightEndCaps" hidden="1"/>
          <p:cNvSpPr txBox="1"/>
          <p:nvPr>
            <p:custDataLst>
              <p:tags r:id="rId11"/>
            </p:custDataLst>
          </p:nvPr>
        </p:nvSpPr>
        <p:spPr>
          <a:xfrm>
            <a:off x="11474534" y="2971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55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29210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56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57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790037" y="3302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58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844465" y="3429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59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07965" y="2987485"/>
            <a:ext cx="35400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4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600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60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173425" y="2984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61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236925" y="2987485"/>
            <a:ext cx="268215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4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600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62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3459515" y="2984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63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523015" y="2987485"/>
            <a:ext cx="21114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4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600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64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4788475" y="2984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65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851975" y="2987485"/>
            <a:ext cx="3168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4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600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66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6117435" y="2984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67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6180935" y="2987485"/>
            <a:ext cx="293029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4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600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68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7403525" y="2984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69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7467026" y="2987485"/>
            <a:ext cx="280205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4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600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70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8732485" y="2984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71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8795985" y="2987485"/>
            <a:ext cx="32105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4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600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72" name="OTLSHAPE_TB_00000000000000000000000000000000_Separator7"/>
          <p:cNvCxnSpPr/>
          <p:nvPr>
            <p:custDataLst>
              <p:tags r:id="rId29"/>
            </p:custDataLst>
          </p:nvPr>
        </p:nvCxnSpPr>
        <p:spPr>
          <a:xfrm>
            <a:off x="10018575" y="2984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73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10082075" y="2987485"/>
            <a:ext cx="30502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4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600" spc="-3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85" name="OTLSHAPE_M_3f1d27e2f6be415897f84bbb03e0e69a_Title"/>
          <p:cNvSpPr txBox="1"/>
          <p:nvPr>
            <p:custDataLst>
              <p:tags r:id="rId31"/>
            </p:custDataLst>
          </p:nvPr>
        </p:nvSpPr>
        <p:spPr>
          <a:xfrm>
            <a:off x="1318798" y="2099098"/>
            <a:ext cx="6731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hase 2 Electrical</a:t>
            </a:r>
            <a:endParaRPr lang="en-US" sz="14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86" name="OTLSHAPE_M_3f1d27e2f6be415897f84bbb03e0e69a_Date"/>
          <p:cNvSpPr txBox="1"/>
          <p:nvPr>
            <p:custDataLst>
              <p:tags r:id="rId32"/>
            </p:custDataLst>
          </p:nvPr>
        </p:nvSpPr>
        <p:spPr>
          <a:xfrm>
            <a:off x="1404333" y="2545884"/>
            <a:ext cx="508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8" smtClean="0">
                <a:solidFill>
                  <a:srgbClr val="737373"/>
                </a:solidFill>
                <a:latin typeface="Calibri" panose="020F0502020204030204" pitchFamily="34" charset="0"/>
              </a:rPr>
              <a:t>May 19</a:t>
            </a:r>
            <a:endParaRPr lang="en-US" sz="1300" spc="-18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387" name="OTLSHAPE_M_3f1d27e2f6be415897f84bbb03e0e69a_Shape"/>
          <p:cNvSpPr/>
          <p:nvPr>
            <p:custDataLst>
              <p:tags r:id="rId33"/>
            </p:custDataLst>
          </p:nvPr>
        </p:nvSpPr>
        <p:spPr>
          <a:xfrm>
            <a:off x="1557389" y="2747433"/>
            <a:ext cx="203200" cy="237067"/>
          </a:xfrm>
          <a:prstGeom prst="diamond">
            <a:avLst/>
          </a:prstGeom>
          <a:solidFill>
            <a:srgbClr val="8293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8" name="OTLSHAPE_M_aa3e61255a3e48fe9f8549dddfe3b4d9_Title"/>
          <p:cNvSpPr txBox="1"/>
          <p:nvPr>
            <p:custDataLst>
              <p:tags r:id="rId34"/>
            </p:custDataLst>
          </p:nvPr>
        </p:nvSpPr>
        <p:spPr>
          <a:xfrm>
            <a:off x="4487317" y="2318406"/>
            <a:ext cx="137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sting Completed</a:t>
            </a:r>
            <a:endParaRPr lang="en-US" sz="14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89" name="OTLSHAPE_M_aa3e61255a3e48fe9f8549dddfe3b4d9_Date"/>
          <p:cNvSpPr txBox="1"/>
          <p:nvPr>
            <p:custDataLst>
              <p:tags r:id="rId35"/>
            </p:custDataLst>
          </p:nvPr>
        </p:nvSpPr>
        <p:spPr>
          <a:xfrm>
            <a:off x="4977431" y="2548149"/>
            <a:ext cx="393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20" smtClean="0">
                <a:solidFill>
                  <a:srgbClr val="737373"/>
                </a:solidFill>
                <a:latin typeface="Calibri" panose="020F0502020204030204" pitchFamily="34" charset="0"/>
              </a:rPr>
              <a:t>Aug 9</a:t>
            </a:r>
            <a:endParaRPr lang="en-US" sz="1300" spc="-2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390" name="OTLSHAPE_M_aa3e61255a3e48fe9f8549dddfe3b4d9_Shape"/>
          <p:cNvSpPr/>
          <p:nvPr>
            <p:custDataLst>
              <p:tags r:id="rId36"/>
            </p:custDataLst>
          </p:nvPr>
        </p:nvSpPr>
        <p:spPr>
          <a:xfrm>
            <a:off x="5072702" y="2747433"/>
            <a:ext cx="203200" cy="237067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1" name="OTLSHAPE_M_3bce4b4381494712936c33ae8008e581_Title"/>
          <p:cNvSpPr txBox="1"/>
          <p:nvPr>
            <p:custDataLst>
              <p:tags r:id="rId37"/>
            </p:custDataLst>
          </p:nvPr>
        </p:nvSpPr>
        <p:spPr>
          <a:xfrm>
            <a:off x="6945161" y="2318406"/>
            <a:ext cx="914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Certification</a:t>
            </a:r>
            <a:endParaRPr lang="en-US" sz="14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92" name="OTLSHAPE_M_3bce4b4381494712936c33ae8008e581_Date"/>
          <p:cNvSpPr txBox="1"/>
          <p:nvPr>
            <p:custDataLst>
              <p:tags r:id="rId38"/>
            </p:custDataLst>
          </p:nvPr>
        </p:nvSpPr>
        <p:spPr>
          <a:xfrm>
            <a:off x="7172449" y="2548149"/>
            <a:ext cx="457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8" smtClean="0">
                <a:solidFill>
                  <a:srgbClr val="737373"/>
                </a:solidFill>
                <a:latin typeface="Calibri" panose="020F0502020204030204" pitchFamily="34" charset="0"/>
              </a:rPr>
              <a:t>Sep 30</a:t>
            </a:r>
            <a:endParaRPr lang="en-US" sz="1300" spc="-18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393" name="OTLSHAPE_M_3bce4b4381494712936c33ae8008e581_Shape"/>
          <p:cNvSpPr/>
          <p:nvPr>
            <p:custDataLst>
              <p:tags r:id="rId39"/>
            </p:custDataLst>
          </p:nvPr>
        </p:nvSpPr>
        <p:spPr>
          <a:xfrm>
            <a:off x="7301926" y="2747433"/>
            <a:ext cx="203200" cy="237067"/>
          </a:xfrm>
          <a:prstGeom prst="diamond">
            <a:avLst/>
          </a:prstGeom>
          <a:solidFill>
            <a:srgbClr val="7E88B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4" name="OTLSHAPE_M_7f7f38ea10534c67856c0dd62cdc6325_Title"/>
          <p:cNvSpPr txBox="1"/>
          <p:nvPr>
            <p:custDataLst>
              <p:tags r:id="rId40"/>
            </p:custDataLst>
          </p:nvPr>
        </p:nvSpPr>
        <p:spPr>
          <a:xfrm>
            <a:off x="9777897" y="2318406"/>
            <a:ext cx="812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  <a:endParaRPr lang="en-US" sz="14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95" name="OTLSHAPE_M_7f7f38ea10534c67856c0dd62cdc6325_Date"/>
          <p:cNvSpPr txBox="1"/>
          <p:nvPr>
            <p:custDataLst>
              <p:tags r:id="rId41"/>
            </p:custDataLst>
          </p:nvPr>
        </p:nvSpPr>
        <p:spPr>
          <a:xfrm>
            <a:off x="9569574" y="2548149"/>
            <a:ext cx="1231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0" smtClean="0">
                <a:solidFill>
                  <a:srgbClr val="BA4D4D"/>
                </a:solidFill>
                <a:latin typeface="Calibri" panose="020F0502020204030204" pitchFamily="34" charset="0"/>
              </a:rPr>
              <a:t>December 4, 2017</a:t>
            </a:r>
            <a:endParaRPr lang="en-US" sz="1300" spc="-10">
              <a:solidFill>
                <a:srgbClr val="BA4D4D"/>
              </a:solidFill>
              <a:latin typeface="Calibri" panose="020F0502020204030204" pitchFamily="34" charset="0"/>
            </a:endParaRPr>
          </a:p>
        </p:txBody>
      </p:sp>
      <p:sp>
        <p:nvSpPr>
          <p:cNvPr id="6396" name="OTLSHAPE_M_7f7f38ea10534c67856c0dd62cdc6325_Shape"/>
          <p:cNvSpPr/>
          <p:nvPr>
            <p:custDataLst>
              <p:tags r:id="rId42"/>
            </p:custDataLst>
          </p:nvPr>
        </p:nvSpPr>
        <p:spPr>
          <a:xfrm>
            <a:off x="10088454" y="2747433"/>
            <a:ext cx="203200" cy="237067"/>
          </a:xfrm>
          <a:prstGeom prst="diamond">
            <a:avLst/>
          </a:prstGeom>
          <a:solidFill>
            <a:srgbClr val="C3535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7" name="OTLSHAPE_M_54b603631724411f8c427eb3bdbab764_Title"/>
          <p:cNvSpPr txBox="1"/>
          <p:nvPr>
            <p:custDataLst>
              <p:tags r:id="rId43"/>
            </p:custDataLst>
          </p:nvPr>
        </p:nvSpPr>
        <p:spPr>
          <a:xfrm>
            <a:off x="886475" y="3689816"/>
            <a:ext cx="8509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Phase 1 Mechanical</a:t>
            </a:r>
            <a:endParaRPr lang="en-US" sz="14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98" name="OTLSHAPE_M_54b603631724411f8c427eb3bdbab764_Date"/>
          <p:cNvSpPr txBox="1"/>
          <p:nvPr>
            <p:custDataLst>
              <p:tags r:id="rId44"/>
            </p:custDataLst>
          </p:nvPr>
        </p:nvSpPr>
        <p:spPr>
          <a:xfrm>
            <a:off x="1061376" y="3475567"/>
            <a:ext cx="508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8" smtClean="0">
                <a:solidFill>
                  <a:srgbClr val="C15B5A"/>
                </a:solidFill>
                <a:latin typeface="Calibri" panose="020F0502020204030204" pitchFamily="34" charset="0"/>
              </a:rPr>
              <a:t>May 11</a:t>
            </a:r>
            <a:endParaRPr lang="en-US" sz="1300" spc="-18">
              <a:solidFill>
                <a:srgbClr val="C15B5A"/>
              </a:solidFill>
              <a:latin typeface="Calibri" panose="020F0502020204030204" pitchFamily="34" charset="0"/>
            </a:endParaRPr>
          </a:p>
        </p:txBody>
      </p:sp>
      <p:sp>
        <p:nvSpPr>
          <p:cNvPr id="6399" name="OTLSHAPE_M_54b603631724411f8c427eb3bdbab764_Shape"/>
          <p:cNvSpPr/>
          <p:nvPr>
            <p:custDataLst>
              <p:tags r:id="rId45"/>
            </p:custDataLst>
          </p:nvPr>
        </p:nvSpPr>
        <p:spPr>
          <a:xfrm>
            <a:off x="1214432" y="3238500"/>
            <a:ext cx="203200" cy="237067"/>
          </a:xfrm>
          <a:prstGeom prst="diamond">
            <a:avLst/>
          </a:prstGeom>
          <a:solidFill>
            <a:srgbClr val="BA565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32" name="OTLSHAPE_M_2f94a309c2374e97b42329b486bb0268_Title"/>
          <p:cNvSpPr txBox="1"/>
          <p:nvPr>
            <p:custDataLst>
              <p:tags r:id="rId46"/>
            </p:custDataLst>
          </p:nvPr>
        </p:nvSpPr>
        <p:spPr>
          <a:xfrm>
            <a:off x="4358560" y="3814554"/>
            <a:ext cx="1104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Units Available</a:t>
            </a:r>
            <a:endParaRPr lang="en-US" sz="14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33" name="OTLSHAPE_M_2f94a309c2374e97b42329b486bb0268_Date"/>
          <p:cNvSpPr txBox="1"/>
          <p:nvPr>
            <p:custDataLst>
              <p:tags r:id="rId47"/>
            </p:custDataLst>
          </p:nvPr>
        </p:nvSpPr>
        <p:spPr>
          <a:xfrm>
            <a:off x="4720213" y="3600305"/>
            <a:ext cx="393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20" smtClean="0">
                <a:solidFill>
                  <a:srgbClr val="737373"/>
                </a:solidFill>
                <a:latin typeface="Calibri" panose="020F0502020204030204" pitchFamily="34" charset="0"/>
              </a:rPr>
              <a:t>Aug 3</a:t>
            </a:r>
            <a:endParaRPr lang="en-US" sz="1300" spc="-2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434" name="OTLSHAPE_M_2f94a309c2374e97b42329b486bb0268_Shape"/>
          <p:cNvSpPr/>
          <p:nvPr>
            <p:custDataLst>
              <p:tags r:id="rId48"/>
            </p:custDataLst>
          </p:nvPr>
        </p:nvSpPr>
        <p:spPr>
          <a:xfrm>
            <a:off x="4815484" y="3238500"/>
            <a:ext cx="203200" cy="237067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35" name="OTLSHAPE_M_aa0bd86bc8724ea691a9128626526fe1_Title"/>
          <p:cNvSpPr txBox="1"/>
          <p:nvPr>
            <p:custDataLst>
              <p:tags r:id="rId49"/>
            </p:custDataLst>
          </p:nvPr>
        </p:nvSpPr>
        <p:spPr>
          <a:xfrm>
            <a:off x="4645164" y="4372846"/>
            <a:ext cx="1397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rawings Released</a:t>
            </a:r>
            <a:endParaRPr lang="en-US" sz="14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36" name="OTLSHAPE_M_aa0bd86bc8724ea691a9128626526fe1_Date"/>
          <p:cNvSpPr txBox="1"/>
          <p:nvPr>
            <p:custDataLst>
              <p:tags r:id="rId50"/>
            </p:custDataLst>
          </p:nvPr>
        </p:nvSpPr>
        <p:spPr>
          <a:xfrm>
            <a:off x="5107063" y="4158597"/>
            <a:ext cx="469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8" smtClean="0">
                <a:solidFill>
                  <a:srgbClr val="737373"/>
                </a:solidFill>
                <a:latin typeface="Calibri" panose="020F0502020204030204" pitchFamily="34" charset="0"/>
              </a:rPr>
              <a:t>Aug 13</a:t>
            </a:r>
            <a:endParaRPr lang="en-US" sz="1300" spc="-18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437" name="OTLSHAPE_M_aa0bd86bc8724ea691a9128626526fe1_Shape"/>
          <p:cNvSpPr/>
          <p:nvPr>
            <p:custDataLst>
              <p:tags r:id="rId51"/>
            </p:custDataLst>
          </p:nvPr>
        </p:nvSpPr>
        <p:spPr>
          <a:xfrm>
            <a:off x="5244181" y="3238500"/>
            <a:ext cx="203200" cy="237067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38" name="OTLSHAPE_M_03977201db5c4493a28dfff2d595a8a1_Title"/>
          <p:cNvSpPr txBox="1"/>
          <p:nvPr>
            <p:custDataLst>
              <p:tags r:id="rId52"/>
            </p:custDataLst>
          </p:nvPr>
        </p:nvSpPr>
        <p:spPr>
          <a:xfrm>
            <a:off x="5466559" y="5012027"/>
            <a:ext cx="774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Build Start</a:t>
            </a:r>
            <a:endParaRPr lang="en-US" sz="14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39" name="OTLSHAPE_M_03977201db5c4493a28dfff2d595a8a1_Date"/>
          <p:cNvSpPr txBox="1"/>
          <p:nvPr>
            <p:custDataLst>
              <p:tags r:id="rId53"/>
            </p:custDataLst>
          </p:nvPr>
        </p:nvSpPr>
        <p:spPr>
          <a:xfrm>
            <a:off x="5621500" y="4797778"/>
            <a:ext cx="469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8" smtClean="0">
                <a:solidFill>
                  <a:srgbClr val="737373"/>
                </a:solidFill>
                <a:latin typeface="Calibri" panose="020F0502020204030204" pitchFamily="34" charset="0"/>
              </a:rPr>
              <a:t>Aug 25</a:t>
            </a:r>
            <a:endParaRPr lang="en-US" sz="1300" spc="-18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440" name="OTLSHAPE_M_03977201db5c4493a28dfff2d595a8a1_Shape"/>
          <p:cNvSpPr/>
          <p:nvPr>
            <p:custDataLst>
              <p:tags r:id="rId54"/>
            </p:custDataLst>
          </p:nvPr>
        </p:nvSpPr>
        <p:spPr>
          <a:xfrm>
            <a:off x="5758617" y="3238500"/>
            <a:ext cx="203200" cy="237067"/>
          </a:xfrm>
          <a:prstGeom prst="diamond">
            <a:avLst/>
          </a:prstGeom>
          <a:solidFill>
            <a:srgbClr val="8694B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1" name="OTLSHAPE_M_731079855741477ba66141b8fdae287e_Title"/>
          <p:cNvSpPr txBox="1"/>
          <p:nvPr>
            <p:custDataLst>
              <p:tags r:id="rId55"/>
            </p:custDataLst>
          </p:nvPr>
        </p:nvSpPr>
        <p:spPr>
          <a:xfrm>
            <a:off x="5510037" y="5608039"/>
            <a:ext cx="146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ditional Release</a:t>
            </a:r>
            <a:endParaRPr lang="en-US" sz="14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42" name="OTLSHAPE_M_731079855741477ba66141b8fdae287e_Date"/>
          <p:cNvSpPr txBox="1"/>
          <p:nvPr>
            <p:custDataLst>
              <p:tags r:id="rId56"/>
            </p:custDataLst>
          </p:nvPr>
        </p:nvSpPr>
        <p:spPr>
          <a:xfrm>
            <a:off x="6056814" y="5393790"/>
            <a:ext cx="3683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20" smtClean="0">
                <a:solidFill>
                  <a:srgbClr val="737373"/>
                </a:solidFill>
                <a:latin typeface="Calibri" panose="020F0502020204030204" pitchFamily="34" charset="0"/>
              </a:rPr>
              <a:t>Sep 3</a:t>
            </a:r>
            <a:endParaRPr lang="en-US" sz="1300" spc="-2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443" name="OTLSHAPE_M_731079855741477ba66141b8fdae287e_Shape"/>
          <p:cNvSpPr/>
          <p:nvPr>
            <p:custDataLst>
              <p:tags r:id="rId57"/>
            </p:custDataLst>
          </p:nvPr>
        </p:nvSpPr>
        <p:spPr>
          <a:xfrm>
            <a:off x="6144444" y="3238500"/>
            <a:ext cx="203200" cy="237067"/>
          </a:xfrm>
          <a:prstGeom prst="diamond">
            <a:avLst/>
          </a:prstGeom>
          <a:solidFill>
            <a:srgbClr val="8694B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4" name="OTLSHAPE_M_4c3f9efb28c841729e1084c22774ab36_Title"/>
          <p:cNvSpPr txBox="1"/>
          <p:nvPr>
            <p:custDataLst>
              <p:tags r:id="rId58"/>
            </p:custDataLst>
          </p:nvPr>
        </p:nvSpPr>
        <p:spPr>
          <a:xfrm>
            <a:off x="6499248" y="3825664"/>
            <a:ext cx="5969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CUA Pending</a:t>
            </a:r>
            <a:endParaRPr lang="en-US" sz="14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45" name="OTLSHAPE_M_4c3f9efb28c841729e1084c22774ab36_Date"/>
          <p:cNvSpPr txBox="1"/>
          <p:nvPr>
            <p:custDataLst>
              <p:tags r:id="rId59"/>
            </p:custDataLst>
          </p:nvPr>
        </p:nvSpPr>
        <p:spPr>
          <a:xfrm>
            <a:off x="6572273" y="3611415"/>
            <a:ext cx="457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8" smtClean="0">
                <a:solidFill>
                  <a:srgbClr val="737373"/>
                </a:solidFill>
                <a:latin typeface="Calibri" panose="020F0502020204030204" pitchFamily="34" charset="0"/>
              </a:rPr>
              <a:t>Sep 16</a:t>
            </a:r>
            <a:endParaRPr lang="en-US" sz="1300" spc="-18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446" name="OTLSHAPE_M_4c3f9efb28c841729e1084c22774ab36_Shape"/>
          <p:cNvSpPr/>
          <p:nvPr>
            <p:custDataLst>
              <p:tags r:id="rId60"/>
            </p:custDataLst>
          </p:nvPr>
        </p:nvSpPr>
        <p:spPr>
          <a:xfrm>
            <a:off x="6701750" y="3238500"/>
            <a:ext cx="203200" cy="237067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7" name="OTLSHAPE_M_0d9254b6b5464e83b1c7d15cf2f7a5f4_Title"/>
          <p:cNvSpPr txBox="1"/>
          <p:nvPr>
            <p:custDataLst>
              <p:tags r:id="rId61"/>
            </p:custDataLst>
          </p:nvPr>
        </p:nvSpPr>
        <p:spPr>
          <a:xfrm>
            <a:off x="7588700" y="3825664"/>
            <a:ext cx="9906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mtClean="0">
                <a:solidFill>
                  <a:schemeClr val="dk1"/>
                </a:solidFill>
                <a:latin typeface="Calibri" panose="020F0502020204030204" pitchFamily="34" charset="0"/>
              </a:rPr>
              <a:t>Performance Results</a:t>
            </a:r>
            <a:endParaRPr lang="en-US" sz="14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28" name="OTLSHAPE_M_0d9254b6b5464e83b1c7d15cf2f7a5f4_Date"/>
          <p:cNvSpPr txBox="1"/>
          <p:nvPr>
            <p:custDataLst>
              <p:tags r:id="rId62"/>
            </p:custDataLst>
          </p:nvPr>
        </p:nvSpPr>
        <p:spPr>
          <a:xfrm>
            <a:off x="7863529" y="3611415"/>
            <a:ext cx="444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8" smtClean="0">
                <a:solidFill>
                  <a:srgbClr val="737373"/>
                </a:solidFill>
                <a:latin typeface="Calibri" panose="020F0502020204030204" pitchFamily="34" charset="0"/>
              </a:rPr>
              <a:t>Oct 16</a:t>
            </a:r>
            <a:endParaRPr lang="en-US" sz="1300" spc="-18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529" name="OTLSHAPE_M_0d9254b6b5464e83b1c7d15cf2f7a5f4_Shape"/>
          <p:cNvSpPr/>
          <p:nvPr>
            <p:custDataLst>
              <p:tags r:id="rId63"/>
            </p:custDataLst>
          </p:nvPr>
        </p:nvSpPr>
        <p:spPr>
          <a:xfrm>
            <a:off x="7987840" y="3238500"/>
            <a:ext cx="203200" cy="237067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4502846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4877" y="1295672"/>
            <a:ext cx="4437712" cy="2465395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715727" y="155087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automatically, </a:t>
            </a: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free Office Timeline PowerPoint add-in!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4877" y="4061036"/>
            <a:ext cx="4436293" cy="2464607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grpSp>
        <p:nvGrpSpPr>
          <p:cNvPr id="29" name="Group 28"/>
          <p:cNvGrpSpPr/>
          <p:nvPr/>
        </p:nvGrpSpPr>
        <p:grpSpPr>
          <a:xfrm>
            <a:off x="6010585" y="1719315"/>
            <a:ext cx="4414457" cy="1468530"/>
            <a:chOff x="6563085" y="1836339"/>
            <a:chExt cx="4414457" cy="1468530"/>
          </a:xfrm>
        </p:grpSpPr>
        <p:sp>
          <p:nvSpPr>
            <p:cNvPr id="7" name="Rectangle 6"/>
            <p:cNvSpPr/>
            <p:nvPr/>
          </p:nvSpPr>
          <p:spPr>
            <a:xfrm>
              <a:off x="7045984" y="1836339"/>
              <a:ext cx="3931558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Office Timeline is a </a:t>
              </a:r>
              <a:r>
                <a:rPr lang="en-US" sz="1600" b="1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</a:t>
              </a:r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, award winning, </a:t>
              </a:r>
              <a:r>
                <a:rPr lang="en-US" sz="16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Gantt chart maker that's easy </a:t>
              </a:r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to use.</a:t>
              </a:r>
            </a:p>
          </p:txBody>
        </p:sp>
        <p:sp>
          <p:nvSpPr>
            <p:cNvPr id="20" name="Rectangle 19"/>
            <p:cNvSpPr/>
            <p:nvPr/>
          </p:nvSpPr>
          <p:spPr>
            <a:xfrm>
              <a:off x="7045984" y="2489261"/>
              <a:ext cx="3102377" cy="81560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Simple, easy-to-use wizard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Professional, quick result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Built directly into PowerPoint</a:t>
              </a:r>
            </a:p>
          </p:txBody>
        </p:sp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563085" y="1917225"/>
              <a:ext cx="405602" cy="405602"/>
            </a:xfrm>
            <a:prstGeom prst="rect">
              <a:avLst/>
            </a:prstGeom>
          </p:spPr>
        </p:pic>
      </p:grpSp>
      <p:sp>
        <p:nvSpPr>
          <p:cNvPr id="30" name="Isosceles Triangle 29"/>
          <p:cNvSpPr/>
          <p:nvPr/>
        </p:nvSpPr>
        <p:spPr>
          <a:xfrm rot="5400000">
            <a:off x="4410074" y="5077477"/>
            <a:ext cx="1934983" cy="500956"/>
          </a:xfrm>
          <a:prstGeom prst="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pic>
        <p:nvPicPr>
          <p:cNvPr id="259" name="Picture 258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10585" y="4459534"/>
            <a:ext cx="5484730" cy="1755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08621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328872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AuMDEuMDAiLCJFZGl0aW9uIjoiUGx1cyIsIklzUGx1c0VkaXRpb24iOnRydWV9LCJFZmZlY3QiOjEsIlN0eWxlIjp7IiRpZCI6IjMiLCJUaW1lYmFuZFN0eWxlIjp7IiRpZCI6IjQiLCJTY2FsZU1hcmtpbmciOjAsIlNoYXBlIjo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1NSwiRyI6MTg5LCJCIjo3MX19LCJNYXhXaWR0aCI6MjAwLjA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1NSwiRyI6MTg5LCJCIjo3MX19LCJNYXhXaWR0aCI6MjAwLjA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Y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xMzQsIkciOjE0OCwiQiI6MTc2fX0sIkFwcGVuZFllYXJPblllYXJDaGFuZ2UiOnRydWUsIkVsYXBzZWRUaW1lRm9ybWF0IjoxLCJUb2RheU1hcmtlclBvc2l0aW9uIjowLCJRdWlja1Bvc2l0aW9uIjozLCJBYnNvbHV0ZVBvc2l0aW9uIjoyMz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MTAsIkxlZnQiOjMsIlJpZ2h0IjowLCJCb3R0b20iOjB9LCJTaGFwZVN0eWxlIjp7IiRpZCI6IjU5IiwiTWFyZ2luIjp7IiRpZCI6IjYwIiwiVG9wIjo1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NC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zLCJGb250TmFtZSI6IkNhbGlicmkiLCJJc0JvbGQiOmZhbHNlLCJJc0l0YWxpYyI6ZmFsc2UsIklzVW5kZXJsaW5lZCI6ZmFsc2UsIlBhcmVudFN0eWxlIjpudWxsfSwiQXV0b1NpemUiOjAsIkZvcmVncm91bmQiOnsiJGlkIjoiNzQiLCJDb2xvciI6eyIkaWQiOiI3NSIsIkEiOjI1NSwiUiI6MTE1LCJHIjoxMTUsIkIiOjEx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NTUsIkciOjE4OSwiQiI6NzF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NTUsIkciOjE4OSwiQiI6NzF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iwiRW5kRGF0ZVBvc2l0aW9uIjoyLCJUaXRsZVBvc2l0aW9uIjo0LCJEdXJhdGlvblBvc2l0aW9uIjo2LCJQZXJjZW50YWdlQ29tcGxldGVkUG9zaXRpb24iOjYsIlNwYWNpbmciOjI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xMTUsIkciOjExNSwiQiI6MTE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MSIsIkxpbmVDb2xvciI6bnVsbCwiTGluZVdlaWdodCI6MC4wLCJMaW5lVHlwZSI6MCwiUGFyZW50U3R5bGUiOm51bGx9LCJQYXJlbnRTdHlsZSI6eyIkcmVmIjoiNjUifX0sIkRhdGVTdHlsZSI6eyIkaWQiOiIxMzIiLCJGb250U2V0dGluZ3MiOnsiJHJlZiI6IjczIn0sIkF1dG9TaXplIjoyLCJGb3JlZ3JvdW5kIjp7IiRpZCI6IjEzMyIsIkNvbG9yIjp7IiRpZCI6IjEzNCIsIkEiOjI1NSwiUiI6MTkzLCJHIjo5MSwiQiI6OTB9fSwiTWF4V2lkdGgiOjQxLjMzMzMwNTM1ODg4NjcxO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NCIsIkxpbmVDb2xvciI6bnVsbCwiTGluZVdlaWdodCI6MC4wLCJMaW5lVHlwZSI6MCwiUGFyZW50U3R5bGUiOm51bGx9LCJQYXJlbnRTdHlsZSI6eyIkcmVmIjoiNjUifX0sIkRhdGVTdHlsZSI6eyIkaWQiOiIxNDUiLCJGb250U2V0dGluZ3MiOnsiJHJlZiI6IjczIn0sIkF1dG9TaXplIjoyLCJGb3JlZ3JvdW5kIjp7IiRyZWYiOiI3NCJ9LCJNYXhXaWR0aCI6NDEuMzMzMzA1MzU4ODg2NzE5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1IiwiTGluZUNvbG9yIjpudWxsLCJMaW5lV2VpZ2h0IjowLjAsIkxpbmVUeXBlIjowLCJQYXJlbnRTdHlsZSI6bnVsbH0sIlBhcmVudFN0eWxlIjp7IiRyZWYiOiI2NSJ9fSwiRGF0ZVN0eWxlIjp7IiRpZCI6IjE1NiIsIkZvbnRTZXR0aW5ncyI6eyIkcmVmIjoiNzMifSwiQXV0b1NpemUiOjIsIkZvcmVncm91bmQiOnsiJHJlZiI6Ijc0In0sIk1heFdpZHRoIjozMi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yZWYiOiI3MyJ9LCJBdXRvU2l6ZSI6MiwiRm9yZWdyb3VuZCI6eyIkcmVmIjoiNzQifSwiTWF4V2lkdGgiOjMy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yZWYiOiI3MyJ9LCJBdXRvU2l6ZSI6MiwiRm9yZWdyb3VuZCI6eyIkcmVmIjoiNzQifSwiTWF4V2lkdGgiOjM4LjY2NjY5NDY0MTExMzI4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yZWYiOiI3MyJ9LCJBdXRvU2l6ZSI6MiwiRm9yZWdyb3VuZCI6eyIkcmVmIjoiNzQifSwiTWF4V2lkdGgiOjM4LjY2NjY5NDY0MTExMzI4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cmVmIjoiNzMifSwiQXV0b1NpemUiOjIsIkZvcmVncm91bmQiOnsiJHJlZiI6Ijc0In0sIk1heFdpZHRoIjozMC42NjY2OTI3MzM3NjQ2NDg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HJlZiI6IjczIn0sIkF1dG9TaXplIjoyLCJGb3JlZ3JvdW5kIjp7IiRyZWYiOiI3NCJ9LCJNYXhXaWR0aCI6MzcuMzMzMzA1MzU4ODg2NzE5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MSIsIkxpbmVDb2xvciI6bnVsbCwiTGluZVdlaWdodCI6MC4wLCJMaW5lVHlwZSI6MCwiUGFyZW50U3R5bGUiOm51bGx9LCJQYXJlbnRTdHlsZSI6eyIkcmVmIjoiNjUifX0sIkRhdGVTdHlsZSI6eyIkaWQiOiIyMjIiLCJGb250U2V0dGluZ3MiOnsiJHJlZiI6IjczIn0sIkF1dG9TaXplIjoyLCJGb3JlZ3JvdW5kIjp7IiRyZWYiOiI3NCJ9LCJNYXhXaWR0aCI6MzcuMzMzMzA1MzU4ODg2NzE5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0IiwiTGluZUNvbG9yIjpudWxsLCJMaW5lV2VpZ2h0IjowLjAsIkxpbmVUeXBlIjowLCJQYXJlbnRTdHlsZSI6bnVsbH0sIlBhcmVudFN0eWxlIjp7IiRyZWYiOiI2NSJ9fSwiRGF0ZVN0eWxlIjp7IiRpZCI6IjIzNSIsIkZvbnRTZXR0aW5ncyI6eyIkcmVmIjoiNzMi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NyIsIkxpbmVDb2xvciI6bnVsbCwiTGluZVdlaWdodCI6MC4wLCJMaW5lVHlwZSI6MCwiUGFyZW50U3R5bGUiOm51bGx9LCJQYXJlbnRTdHlsZSI6eyIkcmVmIjoiNjUifX0sIkRhdGVTdHlsZSI6eyIkaWQiOiIyNDgiLCJGb250U2V0dGluZ3MiOnsiJHJlZiI6IjczIn0sIkF1dG9TaXplIjoyLCJGb3JlZ3JvdW5kIjp7IiRpZCI6IjI0OSIsIkNvbG9yIjp7IiRpZCI6IjI1MCIsIkEiOjI1NSwiUiI6MTg2LCJHIjo3NywiQiI6Nzd9fSwiTWF4V2lkdGgiOjE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3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8</Words>
  <Application>Microsoft Office PowerPoint</Application>
  <PresentationFormat>Widescreen</PresentationFormat>
  <Paragraphs>4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</vt:i4>
      </vt:variant>
    </vt:vector>
  </HeadingPairs>
  <TitlesOfParts>
    <vt:vector size="12" baseType="lpstr">
      <vt:lpstr>Arial</vt:lpstr>
      <vt:lpstr>Calibri</vt:lpstr>
      <vt:lpstr>Calibri Light</vt:lpstr>
      <vt:lpstr>Segoe UI</vt:lpstr>
      <vt:lpstr>Segoe UI Light</vt:lpstr>
      <vt:lpstr>Wingdings</vt:lpstr>
      <vt:lpstr>Office Theme</vt:lpstr>
      <vt:lpstr>1_Office Theme</vt:lpstr>
      <vt:lpstr>3_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5-08-03T18:17:59Z</dcterms:created>
  <dcterms:modified xsi:type="dcterms:W3CDTF">2016-09-09T09:30:17Z</dcterms:modified>
</cp:coreProperties>
</file>